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jp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C:\Users\s20621005\Desktop\"/>
    </mc:Choice>
  </mc:AlternateContent>
  <xr:revisionPtr revIDLastSave="0" documentId="13_ncr:1_{9F63E973-510D-4196-B029-60470561E6D4}" xr6:coauthVersionLast="46" xr6:coauthVersionMax="46" xr10:uidLastSave="{00000000-0000-0000-0000-000000000000}"/>
  <bookViews>
    <workbookView xWindow="-120" yWindow="-16320" windowWidth="29040" windowHeight="15840" xr2:uid="{D19688B3-CCC5-44AD-94A9-D3B0D71C1CF1}"/>
  </bookViews>
  <sheets>
    <sheet name="【新書】人生を豊かにしたい人のための世界遺産" sheetId="11" r:id="rId1"/>
  </sheets>
  <definedNames>
    <definedName name="_xlnm.Print_Area" localSheetId="0">【新書】人生を豊かにしたい人のための世界遺産!$B$1:$I$4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125" uniqueCount="89">
  <si>
    <t>ISBN</t>
    <phoneticPr fontId="3"/>
  </si>
  <si>
    <t>タイトル</t>
    <phoneticPr fontId="3"/>
  </si>
  <si>
    <t>著者</t>
    <rPh sb="0" eb="2">
      <t>チョシャ</t>
    </rPh>
    <phoneticPr fontId="3"/>
  </si>
  <si>
    <t>既刊</t>
    <rPh sb="0" eb="2">
      <t>キカン</t>
    </rPh>
    <phoneticPr fontId="3"/>
  </si>
  <si>
    <t>書籍：957円</t>
    <phoneticPr fontId="3"/>
  </si>
  <si>
    <t>新書判：224ページ</t>
  </si>
  <si>
    <t>冊</t>
    <rPh sb="0" eb="1">
      <t>サツ</t>
    </rPh>
    <phoneticPr fontId="3"/>
  </si>
  <si>
    <t>教養として学んでおきたい</t>
  </si>
  <si>
    <t>日本の皇室</t>
    <rPh sb="0" eb="2">
      <t>ニホン</t>
    </rPh>
    <rPh sb="3" eb="5">
      <t>コウシツ</t>
    </rPh>
    <phoneticPr fontId="1"/>
  </si>
  <si>
    <t>教養として学んでおきたい　</t>
  </si>
  <si>
    <t>発売日</t>
    <rPh sb="0" eb="3">
      <t>ハツバイビ</t>
    </rPh>
    <phoneticPr fontId="3"/>
  </si>
  <si>
    <t>単品</t>
    <rPh sb="0" eb="2">
      <t>タンピン</t>
    </rPh>
    <phoneticPr fontId="3"/>
  </si>
  <si>
    <t>歌舞伎</t>
    <rPh sb="0" eb="3">
      <t>カブキ</t>
    </rPh>
    <phoneticPr fontId="3"/>
  </si>
  <si>
    <t>ギリシャ神話</t>
    <rPh sb="4" eb="6">
      <t>シンワ</t>
    </rPh>
    <phoneticPr fontId="3"/>
  </si>
  <si>
    <t>神社</t>
    <rPh sb="0" eb="2">
      <t>ジンジャ</t>
    </rPh>
    <phoneticPr fontId="3"/>
  </si>
  <si>
    <t>ビートルズ</t>
    <phoneticPr fontId="3"/>
  </si>
  <si>
    <t>能・狂言</t>
    <rPh sb="0" eb="1">
      <t>ノウ</t>
    </rPh>
    <rPh sb="2" eb="4">
      <t>キョウゲン</t>
    </rPh>
    <phoneticPr fontId="3"/>
  </si>
  <si>
    <t>５大宗教</t>
    <rPh sb="1" eb="4">
      <t>ダイシュウキョウ</t>
    </rPh>
    <phoneticPr fontId="3"/>
  </si>
  <si>
    <t>落語</t>
    <rPh sb="0" eb="2">
      <t>ラクゴ</t>
    </rPh>
    <phoneticPr fontId="3"/>
  </si>
  <si>
    <t>仏教</t>
    <rPh sb="0" eb="2">
      <t>ブッキョウ</t>
    </rPh>
    <phoneticPr fontId="3"/>
  </si>
  <si>
    <t>哲学</t>
    <rPh sb="0" eb="2">
      <t>テツガク</t>
    </rPh>
    <phoneticPr fontId="3"/>
  </si>
  <si>
    <t>人生を豊かにしたい人のための</t>
  </si>
  <si>
    <t>日本の城</t>
    <rPh sb="0" eb="2">
      <t>ニホン</t>
    </rPh>
    <rPh sb="3" eb="4">
      <t>シロ</t>
    </rPh>
    <phoneticPr fontId="3"/>
  </si>
  <si>
    <t>ウイスキー</t>
    <phoneticPr fontId="3"/>
  </si>
  <si>
    <t>講談</t>
    <rPh sb="0" eb="2">
      <t>コウダン</t>
    </rPh>
    <phoneticPr fontId="3"/>
  </si>
  <si>
    <t>土屋　守</t>
    <rPh sb="0" eb="2">
      <t>ツチヤ</t>
    </rPh>
    <rPh sb="3" eb="4">
      <t>マモ</t>
    </rPh>
    <phoneticPr fontId="1"/>
  </si>
  <si>
    <t>葛西聖司</t>
  </si>
  <si>
    <t>里中哲彦</t>
  </si>
  <si>
    <t>小和田哲男</t>
  </si>
  <si>
    <t>西川恵</t>
  </si>
  <si>
    <t xml:space="preserve">堀井憲一郎 </t>
    <phoneticPr fontId="3"/>
  </si>
  <si>
    <t>島田裕巳</t>
  </si>
  <si>
    <t>中村圭志</t>
  </si>
  <si>
    <t>岡本裕一朗</t>
  </si>
  <si>
    <t>神田松鯉</t>
  </si>
  <si>
    <t>978-4-8399-7148-9</t>
  </si>
  <si>
    <t>978-4-8399-7423-7</t>
  </si>
  <si>
    <t>978-4-8399-7435-0</t>
    <phoneticPr fontId="3"/>
  </si>
  <si>
    <t>978-4-8399-7028-4</t>
    <phoneticPr fontId="3"/>
  </si>
  <si>
    <t>ご担当者様</t>
    <rPh sb="1" eb="5">
      <t>タントウシャサマ</t>
    </rPh>
    <phoneticPr fontId="11"/>
  </si>
  <si>
    <t>978-4-8399-7593-7</t>
    <phoneticPr fontId="11"/>
  </si>
  <si>
    <t>978-4-8399-7574-6</t>
    <phoneticPr fontId="11"/>
  </si>
  <si>
    <t>978-4-8399-7266-0</t>
    <phoneticPr fontId="11"/>
  </si>
  <si>
    <t>978-4-8399-7151-9</t>
    <phoneticPr fontId="11"/>
  </si>
  <si>
    <t>978-4-8399-7018-5</t>
    <phoneticPr fontId="11"/>
  </si>
  <si>
    <t>978-4-8399-7569-2</t>
    <phoneticPr fontId="11"/>
  </si>
  <si>
    <t>978-4-8399-7475-6</t>
    <phoneticPr fontId="11"/>
  </si>
  <si>
    <t>978-4-8399-7416-9</t>
    <phoneticPr fontId="11"/>
  </si>
  <si>
    <t>セット</t>
    <phoneticPr fontId="3"/>
  </si>
  <si>
    <t>978-4-8399-6916-5</t>
    <phoneticPr fontId="3"/>
  </si>
  <si>
    <t>ニーチェ</t>
  </si>
  <si>
    <t>978-4-8399-7752-8</t>
  </si>
  <si>
    <t>三国志</t>
    <rPh sb="0" eb="3">
      <t>サンゴクシ</t>
    </rPh>
    <phoneticPr fontId="3"/>
  </si>
  <si>
    <t>新刊</t>
    <rPh sb="0" eb="2">
      <t>シンカン</t>
    </rPh>
    <phoneticPr fontId="3"/>
  </si>
  <si>
    <t>女性天皇</t>
    <rPh sb="0" eb="4">
      <t>ジョセイテンノウ</t>
    </rPh>
    <phoneticPr fontId="3"/>
  </si>
  <si>
    <t>17点×3冊</t>
    <rPh sb="2" eb="3">
      <t>テン</t>
    </rPh>
    <rPh sb="5" eb="6">
      <t>サツ</t>
    </rPh>
    <phoneticPr fontId="3"/>
  </si>
  <si>
    <t>14点×3冊</t>
    <rPh sb="2" eb="3">
      <t>テン</t>
    </rPh>
    <rPh sb="5" eb="6">
      <t>サツ</t>
    </rPh>
    <phoneticPr fontId="3"/>
  </si>
  <si>
    <t>セット</t>
  </si>
  <si>
    <t>3点×3冊</t>
    <rPh sb="1" eb="2">
      <t>テン</t>
    </rPh>
    <rPh sb="4" eb="5">
      <t>サツ</t>
    </rPh>
    <phoneticPr fontId="3"/>
  </si>
  <si>
    <t>人生を豊かにしたい人のための</t>
    <phoneticPr fontId="3"/>
  </si>
  <si>
    <t>教養として学んでおきたい</t>
    <phoneticPr fontId="3"/>
  </si>
  <si>
    <t>978-4-8399-7795-5</t>
  </si>
  <si>
    <t>原田実</t>
  </si>
  <si>
    <t>978-4-8399-7725-2</t>
  </si>
  <si>
    <t>渡邉義浩</t>
  </si>
  <si>
    <t>『教養として学んでおきたい』シリーズ</t>
    <rPh sb="1" eb="3">
      <t>キョウヨウ</t>
    </rPh>
    <rPh sb="6" eb="7">
      <t>マナ</t>
    </rPh>
    <phoneticPr fontId="3"/>
  </si>
  <si>
    <t>『人生を豊かにしたい』シリーズ</t>
    <rPh sb="1" eb="3">
      <t>ジンセイ</t>
    </rPh>
    <rPh sb="4" eb="5">
      <t>ユタ</t>
    </rPh>
    <phoneticPr fontId="3"/>
  </si>
  <si>
    <t>『教養として学んでおきたい』&amp;『人生を豊かにしたい』</t>
    <rPh sb="1" eb="3">
      <t>キョウヨウ</t>
    </rPh>
    <rPh sb="6" eb="7">
      <t>マナ</t>
    </rPh>
    <phoneticPr fontId="3"/>
  </si>
  <si>
    <t>『人生を豊かにしたい人のための世界遺産』</t>
    <phoneticPr fontId="3"/>
  </si>
  <si>
    <t>著者：宮澤光</t>
  </si>
  <si>
    <t>ISBN：978-4-8399-7663-7</t>
    <phoneticPr fontId="3"/>
  </si>
  <si>
    <t>発売日：2022年03月28日</t>
    <phoneticPr fontId="3"/>
  </si>
  <si>
    <t>教養として学んでおきたい　</t>
    <phoneticPr fontId="3"/>
  </si>
  <si>
    <t>クラシック音楽</t>
    <rPh sb="5" eb="7">
      <t>オンガク</t>
    </rPh>
    <phoneticPr fontId="3"/>
  </si>
  <si>
    <t>978-4-8399-7662-0</t>
  </si>
  <si>
    <t>澤和樹</t>
    <phoneticPr fontId="3"/>
  </si>
  <si>
    <t>私たちは長い歴史の積み重ねの上に立っています。
科学技術や医療など様々な分野で進歩をしてきていますが、たいていの出来事は似たようなことを人類は既に経験しています。
世界遺産はそうした人類や地球の歩みの積み重ねと言えます。
本書では、個々の遺産の解説だけではなく、世界遺産活動の背景や、世界遺産活動で守りたい世界の多様性、ストーリーで読み解く世界遺産など、興味を持って世界遺産を身近に感じてもらえる内容を解説します。
本書をきっかけに、世界の多様さを楽しむ、自分のいる場所とのギャップを楽しむ気持ちを学んでみませんか。</t>
    <phoneticPr fontId="3"/>
  </si>
  <si>
    <t>『教養として学んでおきたい』『人生を豊かにしたい人のための』シリーズ</t>
    <rPh sb="1" eb="3">
      <t>キョウヨウ</t>
    </rPh>
    <rPh sb="6" eb="7">
      <t>マナ</t>
    </rPh>
    <phoneticPr fontId="1"/>
  </si>
  <si>
    <r>
      <t xml:space="preserve">(株)マイナビ出版 販売部 販売課
〒101-0003 
東京都千代田区一ツ橋2-6-3　一ツ橋ビル 2F
TEL.03-3556-2731
【ご注文ＦＡＸ】
</t>
    </r>
    <r>
      <rPr>
        <b/>
        <sz val="48"/>
        <color theme="1"/>
        <rFont val="游ゴシック"/>
        <family val="3"/>
        <charset val="128"/>
        <scheme val="minor"/>
      </rPr>
      <t>03-3556-2743</t>
    </r>
    <phoneticPr fontId="3"/>
  </si>
  <si>
    <t>搬入希望日</t>
    <rPh sb="0" eb="2">
      <t>ハンニュウ</t>
    </rPh>
    <rPh sb="2" eb="5">
      <t>キボウビ</t>
    </rPh>
    <phoneticPr fontId="3"/>
  </si>
  <si>
    <t>月</t>
    <rPh sb="0" eb="1">
      <t>ガツ</t>
    </rPh>
    <phoneticPr fontId="3"/>
  </si>
  <si>
    <t>日</t>
    <rPh sb="0" eb="1">
      <t>ニチ</t>
    </rPh>
    <phoneticPr fontId="3"/>
  </si>
  <si>
    <t>様</t>
    <rPh sb="0" eb="1">
      <t>サマ</t>
    </rPh>
    <phoneticPr fontId="3"/>
  </si>
  <si>
    <t>貴店名</t>
    <rPh sb="0" eb="2">
      <t>キテン</t>
    </rPh>
    <rPh sb="2" eb="3">
      <t>メイ</t>
    </rPh>
    <phoneticPr fontId="3"/>
  </si>
  <si>
    <t>取次様</t>
    <rPh sb="0" eb="3">
      <t>トリツギサマ</t>
    </rPh>
    <phoneticPr fontId="11"/>
  </si>
  <si>
    <t>番線</t>
    <rPh sb="0" eb="2">
      <t>バンセン</t>
    </rPh>
    <phoneticPr fontId="3"/>
  </si>
  <si>
    <t>をご用意</t>
    <rPh sb="2" eb="4">
      <t>ヨウイ</t>
    </rPh>
    <phoneticPr fontId="3"/>
  </si>
  <si>
    <t>販促物（POP・A4パネル）</t>
    <rPh sb="0" eb="3">
      <t>ハンソクブツ</t>
    </rPh>
    <phoneticPr fontId="3"/>
  </si>
  <si>
    <t>セット販促物（POP・A4パネル）</t>
    <rPh sb="3" eb="6">
      <t>ハンソクブ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5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36"/>
      <color theme="0"/>
      <name val="游ゴシック"/>
      <family val="2"/>
      <charset val="128"/>
      <scheme val="minor"/>
    </font>
    <font>
      <b/>
      <sz val="22"/>
      <color theme="1"/>
      <name val="游ゴシック"/>
      <family val="3"/>
      <charset val="128"/>
      <scheme val="minor"/>
    </font>
    <font>
      <b/>
      <sz val="36"/>
      <color theme="1"/>
      <name val="游ゴシック"/>
      <family val="3"/>
      <charset val="128"/>
      <scheme val="minor"/>
    </font>
    <font>
      <sz val="22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sz val="16"/>
      <color theme="1"/>
      <name val="游ゴシック"/>
      <family val="3"/>
      <charset val="128"/>
      <scheme val="minor"/>
    </font>
    <font>
      <b/>
      <sz val="24"/>
      <color theme="1"/>
      <name val="游ゴシック"/>
      <family val="3"/>
      <charset val="128"/>
      <scheme val="minor"/>
    </font>
    <font>
      <sz val="6"/>
      <name val="游ゴシック"/>
      <family val="3"/>
      <charset val="128"/>
      <scheme val="minor"/>
    </font>
    <font>
      <b/>
      <i/>
      <sz val="14"/>
      <color theme="0"/>
      <name val="游ゴシック"/>
      <family val="3"/>
      <charset val="128"/>
      <scheme val="minor"/>
    </font>
    <font>
      <b/>
      <sz val="48"/>
      <color theme="1"/>
      <name val="游ゴシック"/>
      <family val="3"/>
      <charset val="128"/>
      <scheme val="minor"/>
    </font>
    <font>
      <sz val="20"/>
      <color theme="1"/>
      <name val="游ゴシック"/>
      <family val="3"/>
      <charset val="128"/>
      <scheme val="minor"/>
    </font>
    <font>
      <b/>
      <sz val="20"/>
      <color theme="1"/>
      <name val="游ゴシック"/>
      <family val="3"/>
      <charset val="128"/>
      <scheme val="minor"/>
    </font>
    <font>
      <sz val="22"/>
      <color theme="1"/>
      <name val="游ゴシック"/>
      <family val="2"/>
      <charset val="128"/>
      <scheme val="minor"/>
    </font>
    <font>
      <b/>
      <sz val="22"/>
      <color theme="0"/>
      <name val="游ゴシック"/>
      <family val="3"/>
      <charset val="128"/>
      <scheme val="minor"/>
    </font>
    <font>
      <sz val="22"/>
      <color theme="0"/>
      <name val="游ゴシック"/>
      <family val="3"/>
      <charset val="128"/>
      <scheme val="minor"/>
    </font>
    <font>
      <b/>
      <i/>
      <sz val="22"/>
      <color theme="0"/>
      <name val="游ゴシック"/>
      <family val="3"/>
      <charset val="128"/>
      <scheme val="minor"/>
    </font>
    <font>
      <b/>
      <sz val="28"/>
      <color theme="0"/>
      <name val="游ゴシック"/>
      <family val="3"/>
      <charset val="128"/>
      <scheme val="minor"/>
    </font>
    <font>
      <b/>
      <sz val="36"/>
      <color theme="0"/>
      <name val="游ゴシック"/>
      <family val="3"/>
      <charset val="128"/>
      <scheme val="minor"/>
    </font>
    <font>
      <b/>
      <sz val="72"/>
      <color theme="1"/>
      <name val="游ゴシック"/>
      <family val="3"/>
      <charset val="128"/>
      <scheme val="minor"/>
    </font>
    <font>
      <b/>
      <sz val="26"/>
      <color theme="1"/>
      <name val="游ゴシック"/>
      <family val="3"/>
      <charset val="128"/>
      <scheme val="minor"/>
    </font>
    <font>
      <b/>
      <sz val="26"/>
      <color theme="0"/>
      <name val="游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1"/>
        <bgColor indexed="64"/>
      </patternFill>
    </fill>
  </fills>
  <borders count="5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30">
    <xf numFmtId="0" fontId="0" fillId="0" borderId="0" xfId="0">
      <alignment vertical="center"/>
    </xf>
    <xf numFmtId="0" fontId="2" fillId="0" borderId="0" xfId="0" applyFont="1" applyFill="1">
      <alignment vertical="center"/>
    </xf>
    <xf numFmtId="0" fontId="8" fillId="0" borderId="0" xfId="0" applyFont="1" applyBorder="1" applyAlignment="1">
      <alignment vertical="top" wrapText="1" shrinkToFit="1"/>
    </xf>
    <xf numFmtId="0" fontId="0" fillId="0" borderId="0" xfId="0" applyBorder="1" applyAlignment="1">
      <alignment vertical="top" shrinkToFit="1"/>
    </xf>
    <xf numFmtId="0" fontId="7" fillId="0" borderId="5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0" xfId="0" applyBorder="1">
      <alignment vertical="center"/>
    </xf>
    <xf numFmtId="0" fontId="0" fillId="0" borderId="10" xfId="0" applyBorder="1" applyAlignment="1">
      <alignment vertical="center"/>
    </xf>
    <xf numFmtId="0" fontId="7" fillId="0" borderId="23" xfId="0" applyFont="1" applyBorder="1" applyAlignment="1">
      <alignment horizontal="center" vertical="center"/>
    </xf>
    <xf numFmtId="0" fontId="7" fillId="0" borderId="27" xfId="0" applyFont="1" applyBorder="1" applyAlignment="1">
      <alignment horizontal="center" vertical="center"/>
    </xf>
    <xf numFmtId="0" fontId="10" fillId="0" borderId="0" xfId="0" applyFont="1" applyBorder="1" applyAlignment="1">
      <alignment horizontal="center" vertical="center" wrapText="1"/>
    </xf>
    <xf numFmtId="0" fontId="10" fillId="0" borderId="16" xfId="0" applyFont="1" applyBorder="1" applyAlignment="1">
      <alignment vertical="center" wrapText="1"/>
    </xf>
    <xf numFmtId="0" fontId="14" fillId="0" borderId="34" xfId="0" applyFont="1" applyFill="1" applyBorder="1">
      <alignment vertical="center"/>
    </xf>
    <xf numFmtId="0" fontId="14" fillId="0" borderId="0" xfId="0" applyFont="1" applyFill="1" applyBorder="1">
      <alignment vertical="center"/>
    </xf>
    <xf numFmtId="0" fontId="14" fillId="0" borderId="28" xfId="0" applyFont="1" applyFill="1" applyBorder="1" applyAlignment="1">
      <alignment horizontal="center" vertical="center"/>
    </xf>
    <xf numFmtId="31" fontId="14" fillId="0" borderId="34" xfId="0" applyNumberFormat="1" applyFont="1" applyFill="1" applyBorder="1" applyAlignment="1">
      <alignment horizontal="center" vertical="center"/>
    </xf>
    <xf numFmtId="0" fontId="0" fillId="0" borderId="0" xfId="0" applyFill="1" applyBorder="1" applyAlignment="1">
      <alignment vertical="center"/>
    </xf>
    <xf numFmtId="0" fontId="5" fillId="0" borderId="35" xfId="0" applyFont="1" applyFill="1" applyBorder="1" applyAlignment="1">
      <alignment vertical="center"/>
    </xf>
    <xf numFmtId="0" fontId="9" fillId="0" borderId="34" xfId="0" applyFont="1" applyFill="1" applyBorder="1" applyAlignment="1">
      <alignment horizontal="left" vertical="center" wrapText="1"/>
    </xf>
    <xf numFmtId="0" fontId="9" fillId="0" borderId="0" xfId="0" applyFont="1" applyFill="1" applyBorder="1" applyAlignment="1">
      <alignment horizontal="left" vertical="center" wrapText="1"/>
    </xf>
    <xf numFmtId="0" fontId="7" fillId="0" borderId="0" xfId="0" applyFont="1" applyFill="1" applyBorder="1" applyAlignment="1">
      <alignment horizontal="center" vertical="center"/>
    </xf>
    <xf numFmtId="0" fontId="0" fillId="0" borderId="0" xfId="0" applyFill="1" applyBorder="1">
      <alignment vertical="center"/>
    </xf>
    <xf numFmtId="0" fontId="16" fillId="0" borderId="0" xfId="0" applyFont="1" applyFill="1" applyBorder="1" applyAlignment="1">
      <alignment horizontal="right" vertical="center"/>
    </xf>
    <xf numFmtId="0" fontId="16" fillId="0" borderId="0" xfId="0" applyFont="1" applyFill="1" applyBorder="1" applyAlignment="1">
      <alignment horizontal="left" vertical="center"/>
    </xf>
    <xf numFmtId="0" fontId="5" fillId="0" borderId="5" xfId="0" applyFont="1" applyBorder="1" applyAlignment="1">
      <alignment horizontal="center" vertical="center"/>
    </xf>
    <xf numFmtId="0" fontId="7" fillId="0" borderId="0" xfId="0" applyFont="1">
      <alignment vertical="center"/>
    </xf>
    <xf numFmtId="0" fontId="7" fillId="0" borderId="2" xfId="0" applyFont="1" applyBorder="1">
      <alignment vertical="center"/>
    </xf>
    <xf numFmtId="0" fontId="7" fillId="0" borderId="3" xfId="0" applyFont="1" applyBorder="1">
      <alignment vertical="center"/>
    </xf>
    <xf numFmtId="0" fontId="7" fillId="0" borderId="1" xfId="0" applyFont="1" applyBorder="1" applyAlignment="1">
      <alignment horizontal="center" vertical="center"/>
    </xf>
    <xf numFmtId="31" fontId="7" fillId="0" borderId="1" xfId="0" applyNumberFormat="1" applyFont="1" applyBorder="1" applyAlignment="1">
      <alignment horizontal="center" vertical="center"/>
    </xf>
    <xf numFmtId="0" fontId="7" fillId="0" borderId="13" xfId="0" applyFont="1" applyBorder="1">
      <alignment vertical="center"/>
    </xf>
    <xf numFmtId="0" fontId="7" fillId="0" borderId="14" xfId="0" applyFont="1" applyBorder="1">
      <alignment vertical="center"/>
    </xf>
    <xf numFmtId="0" fontId="7" fillId="0" borderId="7" xfId="0" applyFont="1" applyBorder="1" applyAlignment="1">
      <alignment horizontal="center" vertical="center"/>
    </xf>
    <xf numFmtId="31" fontId="7" fillId="0" borderId="7" xfId="0" applyNumberFormat="1" applyFont="1" applyBorder="1" applyAlignment="1">
      <alignment horizontal="center" vertical="center"/>
    </xf>
    <xf numFmtId="0" fontId="5" fillId="0" borderId="28" xfId="0" applyFont="1" applyFill="1" applyBorder="1" applyAlignment="1">
      <alignment horizontal="center" vertical="center"/>
    </xf>
    <xf numFmtId="0" fontId="14" fillId="0" borderId="35" xfId="0" applyFont="1" applyFill="1" applyBorder="1" applyAlignment="1">
      <alignment horizontal="center" vertical="center"/>
    </xf>
    <xf numFmtId="0" fontId="0" fillId="0" borderId="0" xfId="0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20" fillId="0" borderId="0" xfId="0" applyFont="1" applyFill="1" applyBorder="1" applyAlignment="1">
      <alignment horizontal="center" vertical="center"/>
    </xf>
    <xf numFmtId="0" fontId="15" fillId="0" borderId="0" xfId="0" applyFont="1" applyBorder="1" applyAlignment="1">
      <alignment horizontal="center" vertical="center"/>
    </xf>
    <xf numFmtId="0" fontId="4" fillId="0" borderId="0" xfId="0" applyFont="1" applyFill="1" applyBorder="1" applyAlignment="1">
      <alignment horizontal="center" vertical="center" textRotation="255"/>
    </xf>
    <xf numFmtId="0" fontId="12" fillId="0" borderId="0" xfId="0" applyFont="1" applyFill="1" applyBorder="1" applyAlignment="1">
      <alignment horizontal="center" vertical="center"/>
    </xf>
    <xf numFmtId="0" fontId="5" fillId="0" borderId="42" xfId="0" applyFont="1" applyBorder="1" applyAlignment="1">
      <alignment horizontal="center" vertical="center"/>
    </xf>
    <xf numFmtId="0" fontId="5" fillId="0" borderId="44" xfId="0" applyFont="1" applyBorder="1" applyAlignment="1">
      <alignment horizontal="center" vertical="center"/>
    </xf>
    <xf numFmtId="0" fontId="22" fillId="0" borderId="22" xfId="0" applyFont="1" applyBorder="1" applyAlignment="1">
      <alignment horizontal="center" wrapText="1"/>
    </xf>
    <xf numFmtId="0" fontId="23" fillId="0" borderId="9" xfId="0" applyFont="1" applyBorder="1" applyAlignment="1">
      <alignment vertical="top" shrinkToFit="1"/>
    </xf>
    <xf numFmtId="0" fontId="22" fillId="0" borderId="21" xfId="0" applyFont="1" applyBorder="1" applyAlignment="1" applyProtection="1">
      <alignment horizontal="center" vertical="center" wrapText="1"/>
      <protection locked="0"/>
    </xf>
    <xf numFmtId="0" fontId="9" fillId="0" borderId="49" xfId="0" applyFont="1" applyBorder="1" applyAlignment="1" applyProtection="1">
      <alignment vertical="center" wrapText="1"/>
      <protection locked="0"/>
    </xf>
    <xf numFmtId="0" fontId="5" fillId="0" borderId="2" xfId="0" applyFont="1" applyBorder="1" applyAlignment="1" applyProtection="1">
      <alignment horizontal="center" vertical="center"/>
      <protection locked="0"/>
    </xf>
    <xf numFmtId="0" fontId="5" fillId="0" borderId="13" xfId="0" applyFont="1" applyBorder="1" applyAlignment="1" applyProtection="1">
      <alignment horizontal="center" vertical="center"/>
      <protection locked="0"/>
    </xf>
    <xf numFmtId="0" fontId="5" fillId="0" borderId="6" xfId="0" applyFont="1" applyBorder="1" applyAlignment="1" applyProtection="1">
      <alignment horizontal="center" vertical="center"/>
      <protection locked="0"/>
    </xf>
    <xf numFmtId="0" fontId="5" fillId="0" borderId="20" xfId="0" applyFont="1" applyBorder="1" applyAlignment="1" applyProtection="1">
      <alignment horizontal="center" vertical="center"/>
      <protection locked="0"/>
    </xf>
    <xf numFmtId="0" fontId="5" fillId="0" borderId="24" xfId="0" applyFont="1" applyBorder="1" applyAlignment="1" applyProtection="1">
      <alignment horizontal="center" vertical="center"/>
      <protection locked="0"/>
    </xf>
    <xf numFmtId="0" fontId="7" fillId="0" borderId="48" xfId="0" applyFont="1" applyFill="1" applyBorder="1" applyAlignment="1" applyProtection="1">
      <alignment vertical="center"/>
      <protection locked="0"/>
    </xf>
    <xf numFmtId="0" fontId="23" fillId="0" borderId="18" xfId="0" applyFont="1" applyBorder="1" applyAlignment="1" applyProtection="1">
      <alignment vertical="top" shrinkToFit="1"/>
      <protection locked="0"/>
    </xf>
    <xf numFmtId="0" fontId="23" fillId="2" borderId="18" xfId="0" applyFont="1" applyFill="1" applyBorder="1" applyAlignment="1">
      <alignment horizontal="center" vertical="top" shrinkToFit="1"/>
    </xf>
    <xf numFmtId="0" fontId="23" fillId="2" borderId="9" xfId="0" applyFont="1" applyFill="1" applyBorder="1" applyAlignment="1">
      <alignment horizontal="center" vertical="top" shrinkToFit="1"/>
    </xf>
    <xf numFmtId="0" fontId="23" fillId="2" borderId="19" xfId="0" applyFont="1" applyFill="1" applyBorder="1" applyAlignment="1">
      <alignment horizontal="center" vertical="top" shrinkToFit="1"/>
    </xf>
    <xf numFmtId="0" fontId="23" fillId="2" borderId="11" xfId="0" applyFont="1" applyFill="1" applyBorder="1" applyAlignment="1">
      <alignment horizontal="center" vertical="top" shrinkToFit="1"/>
    </xf>
    <xf numFmtId="0" fontId="17" fillId="2" borderId="21" xfId="0" applyFont="1" applyFill="1" applyBorder="1" applyAlignment="1">
      <alignment horizontal="center" vertical="center"/>
    </xf>
    <xf numFmtId="0" fontId="17" fillId="2" borderId="22" xfId="0" applyFont="1" applyFill="1" applyBorder="1" applyAlignment="1">
      <alignment horizontal="center" vertical="center"/>
    </xf>
    <xf numFmtId="0" fontId="9" fillId="0" borderId="20" xfId="0" applyFont="1" applyBorder="1" applyAlignment="1">
      <alignment horizontal="left" vertical="center" wrapText="1"/>
    </xf>
    <xf numFmtId="0" fontId="9" fillId="0" borderId="32" xfId="0" applyFont="1" applyBorder="1" applyAlignment="1">
      <alignment horizontal="left" vertical="center" wrapText="1"/>
    </xf>
    <xf numFmtId="0" fontId="9" fillId="0" borderId="38" xfId="0" applyFont="1" applyBorder="1" applyAlignment="1">
      <alignment horizontal="left" vertical="center" wrapText="1"/>
    </xf>
    <xf numFmtId="0" fontId="9" fillId="0" borderId="34" xfId="0" applyFont="1" applyBorder="1" applyAlignment="1">
      <alignment horizontal="left" vertical="center" wrapText="1"/>
    </xf>
    <xf numFmtId="0" fontId="9" fillId="0" borderId="0" xfId="0" applyFont="1" applyBorder="1" applyAlignment="1">
      <alignment horizontal="left" vertical="center" wrapText="1"/>
    </xf>
    <xf numFmtId="0" fontId="9" fillId="0" borderId="9" xfId="0" applyFont="1" applyBorder="1" applyAlignment="1">
      <alignment horizontal="left" vertical="center" wrapText="1"/>
    </xf>
    <xf numFmtId="0" fontId="5" fillId="0" borderId="22" xfId="0" applyFont="1" applyBorder="1" applyAlignment="1">
      <alignment horizontal="left" vertical="center" wrapText="1"/>
    </xf>
    <xf numFmtId="0" fontId="5" fillId="0" borderId="39" xfId="0" applyFont="1" applyBorder="1" applyAlignment="1">
      <alignment horizontal="left" vertical="center" wrapText="1"/>
    </xf>
    <xf numFmtId="0" fontId="7" fillId="0" borderId="47" xfId="0" applyFont="1" applyFill="1" applyBorder="1" applyAlignment="1">
      <alignment horizontal="left" vertical="center"/>
    </xf>
    <xf numFmtId="0" fontId="7" fillId="0" borderId="46" xfId="0" applyFont="1" applyFill="1" applyBorder="1" applyAlignment="1">
      <alignment horizontal="left" vertical="center"/>
    </xf>
    <xf numFmtId="0" fontId="7" fillId="0" borderId="47" xfId="0" applyFont="1" applyBorder="1" applyAlignment="1">
      <alignment horizontal="left" vertical="center"/>
    </xf>
    <xf numFmtId="0" fontId="7" fillId="0" borderId="50" xfId="0" applyFont="1" applyBorder="1" applyAlignment="1">
      <alignment horizontal="left" vertical="center"/>
    </xf>
    <xf numFmtId="0" fontId="21" fillId="2" borderId="21" xfId="0" applyFont="1" applyFill="1" applyBorder="1" applyAlignment="1">
      <alignment horizontal="center" vertical="center" wrapText="1"/>
    </xf>
    <xf numFmtId="0" fontId="21" fillId="2" borderId="22" xfId="0" applyFont="1" applyFill="1" applyBorder="1" applyAlignment="1">
      <alignment horizontal="center" vertical="center"/>
    </xf>
    <xf numFmtId="0" fontId="21" fillId="2" borderId="39" xfId="0" applyFont="1" applyFill="1" applyBorder="1" applyAlignment="1">
      <alignment horizontal="center" vertical="center"/>
    </xf>
    <xf numFmtId="0" fontId="4" fillId="2" borderId="15" xfId="0" applyFont="1" applyFill="1" applyBorder="1" applyAlignment="1">
      <alignment horizontal="center" vertical="center" textRotation="255"/>
    </xf>
    <xf numFmtId="0" fontId="4" fillId="2" borderId="18" xfId="0" applyFont="1" applyFill="1" applyBorder="1" applyAlignment="1">
      <alignment horizontal="center" vertical="center" textRotation="255"/>
    </xf>
    <xf numFmtId="0" fontId="4" fillId="2" borderId="19" xfId="0" applyFont="1" applyFill="1" applyBorder="1" applyAlignment="1">
      <alignment horizontal="center" vertical="center" textRotation="255"/>
    </xf>
    <xf numFmtId="0" fontId="6" fillId="0" borderId="29" xfId="0" applyFont="1" applyBorder="1" applyAlignment="1">
      <alignment horizontal="left" vertical="center" wrapText="1"/>
    </xf>
    <xf numFmtId="0" fontId="6" fillId="0" borderId="8" xfId="0" applyFont="1" applyBorder="1" applyAlignment="1">
      <alignment horizontal="left" vertical="center" wrapText="1"/>
    </xf>
    <xf numFmtId="0" fontId="6" fillId="0" borderId="37" xfId="0" applyFont="1" applyBorder="1" applyAlignment="1">
      <alignment horizontal="left" vertical="center" wrapText="1"/>
    </xf>
    <xf numFmtId="0" fontId="5" fillId="0" borderId="30" xfId="0" applyFont="1" applyBorder="1" applyAlignment="1">
      <alignment horizontal="left" vertical="center" wrapText="1"/>
    </xf>
    <xf numFmtId="0" fontId="5" fillId="0" borderId="4" xfId="0" applyFont="1" applyBorder="1" applyAlignment="1">
      <alignment horizontal="left" vertical="center" wrapText="1"/>
    </xf>
    <xf numFmtId="0" fontId="5" fillId="0" borderId="31" xfId="0" applyFont="1" applyBorder="1" applyAlignment="1">
      <alignment horizontal="left" vertical="center" wrapText="1"/>
    </xf>
    <xf numFmtId="0" fontId="5" fillId="0" borderId="33" xfId="0" applyFont="1" applyBorder="1" applyAlignment="1">
      <alignment horizontal="left" vertical="center" wrapText="1"/>
    </xf>
    <xf numFmtId="0" fontId="17" fillId="2" borderId="21" xfId="0" applyFont="1" applyFill="1" applyBorder="1" applyAlignment="1">
      <alignment horizontal="center" vertical="center" wrapText="1"/>
    </xf>
    <xf numFmtId="0" fontId="17" fillId="2" borderId="36" xfId="0" applyFont="1" applyFill="1" applyBorder="1" applyAlignment="1">
      <alignment horizontal="center" vertical="center" wrapText="1"/>
    </xf>
    <xf numFmtId="0" fontId="18" fillId="2" borderId="40" xfId="0" applyFont="1" applyFill="1" applyBorder="1" applyAlignment="1">
      <alignment horizontal="center" vertical="center" textRotation="255"/>
    </xf>
    <xf numFmtId="0" fontId="18" fillId="2" borderId="41" xfId="0" applyFont="1" applyFill="1" applyBorder="1" applyAlignment="1">
      <alignment horizontal="center" vertical="center" textRotation="255"/>
    </xf>
    <xf numFmtId="0" fontId="18" fillId="2" borderId="43" xfId="0" applyFont="1" applyFill="1" applyBorder="1" applyAlignment="1">
      <alignment horizontal="center" vertical="center" textRotation="255"/>
    </xf>
    <xf numFmtId="0" fontId="5" fillId="0" borderId="6" xfId="0" applyFont="1" applyBorder="1" applyAlignment="1">
      <alignment horizontal="center" vertical="center"/>
    </xf>
    <xf numFmtId="0" fontId="5" fillId="0" borderId="12" xfId="0" applyFont="1" applyBorder="1" applyAlignment="1">
      <alignment horizontal="center" vertical="center"/>
    </xf>
    <xf numFmtId="0" fontId="17" fillId="2" borderId="6" xfId="0" applyFont="1" applyFill="1" applyBorder="1" applyAlignment="1">
      <alignment horizontal="center" vertical="center"/>
    </xf>
    <xf numFmtId="0" fontId="17" fillId="2" borderId="37" xfId="0" applyFont="1" applyFill="1" applyBorder="1" applyAlignment="1">
      <alignment horizontal="center" vertical="center"/>
    </xf>
    <xf numFmtId="0" fontId="19" fillId="2" borderId="15" xfId="0" applyFont="1" applyFill="1" applyBorder="1" applyAlignment="1">
      <alignment horizontal="center" vertical="center" textRotation="255"/>
    </xf>
    <xf numFmtId="0" fontId="19" fillId="2" borderId="18" xfId="0" applyFont="1" applyFill="1" applyBorder="1" applyAlignment="1">
      <alignment horizontal="center" vertical="center" textRotation="255"/>
    </xf>
    <xf numFmtId="0" fontId="19" fillId="2" borderId="19" xfId="0" applyFont="1" applyFill="1" applyBorder="1" applyAlignment="1">
      <alignment horizontal="center" vertical="center" textRotation="255"/>
    </xf>
    <xf numFmtId="0" fontId="7" fillId="0" borderId="6" xfId="0" applyFont="1" applyFill="1" applyBorder="1" applyAlignment="1">
      <alignment horizontal="left" vertical="center"/>
    </xf>
    <xf numFmtId="0" fontId="7" fillId="0" borderId="8" xfId="0" applyFont="1" applyFill="1" applyBorder="1" applyAlignment="1">
      <alignment horizontal="left" vertical="center"/>
    </xf>
    <xf numFmtId="0" fontId="7" fillId="0" borderId="12" xfId="0" applyFont="1" applyFill="1" applyBorder="1" applyAlignment="1">
      <alignment horizontal="left" vertical="center"/>
    </xf>
    <xf numFmtId="0" fontId="5" fillId="0" borderId="8" xfId="0" applyFont="1" applyBorder="1" applyAlignment="1">
      <alignment horizontal="right" vertical="center"/>
    </xf>
    <xf numFmtId="0" fontId="5" fillId="0" borderId="37" xfId="0" applyFont="1" applyBorder="1" applyAlignment="1">
      <alignment horizontal="right" vertical="center"/>
    </xf>
    <xf numFmtId="0" fontId="7" fillId="0" borderId="2" xfId="0" applyFont="1" applyFill="1" applyBorder="1" applyAlignment="1">
      <alignment horizontal="left" vertical="center"/>
    </xf>
    <xf numFmtId="0" fontId="7" fillId="0" borderId="4" xfId="0" applyFont="1" applyFill="1" applyBorder="1" applyAlignment="1">
      <alignment horizontal="left" vertical="center"/>
    </xf>
    <xf numFmtId="0" fontId="7" fillId="0" borderId="3" xfId="0" applyFont="1" applyFill="1" applyBorder="1" applyAlignment="1">
      <alignment horizontal="left" vertical="center"/>
    </xf>
    <xf numFmtId="0" fontId="5" fillId="0" borderId="4" xfId="0" applyFont="1" applyBorder="1" applyAlignment="1">
      <alignment horizontal="right" vertical="center"/>
    </xf>
    <xf numFmtId="0" fontId="5" fillId="0" borderId="42" xfId="0" applyFont="1" applyBorder="1" applyAlignment="1">
      <alignment horizontal="right" vertical="center"/>
    </xf>
    <xf numFmtId="0" fontId="7" fillId="0" borderId="24" xfId="0" applyFont="1" applyFill="1" applyBorder="1" applyAlignment="1">
      <alignment horizontal="left" vertical="center"/>
    </xf>
    <xf numFmtId="0" fontId="7" fillId="0" borderId="25" xfId="0" applyFont="1" applyFill="1" applyBorder="1" applyAlignment="1">
      <alignment horizontal="left" vertical="center"/>
    </xf>
    <xf numFmtId="0" fontId="7" fillId="0" borderId="26" xfId="0" applyFont="1" applyFill="1" applyBorder="1" applyAlignment="1">
      <alignment horizontal="left" vertical="center"/>
    </xf>
    <xf numFmtId="0" fontId="5" fillId="0" borderId="25" xfId="0" applyFont="1" applyBorder="1" applyAlignment="1">
      <alignment horizontal="right" vertical="center"/>
    </xf>
    <xf numFmtId="0" fontId="5" fillId="0" borderId="45" xfId="0" applyFont="1" applyBorder="1" applyAlignment="1">
      <alignment horizontal="right" vertical="center"/>
    </xf>
    <xf numFmtId="0" fontId="5" fillId="0" borderId="15" xfId="0" applyFont="1" applyBorder="1" applyAlignment="1">
      <alignment horizontal="left" vertical="center" wrapText="1" shrinkToFit="1"/>
    </xf>
    <xf numFmtId="0" fontId="5" fillId="0" borderId="16" xfId="0" applyFont="1" applyBorder="1" applyAlignment="1">
      <alignment horizontal="left" vertical="center" shrinkToFit="1"/>
    </xf>
    <xf numFmtId="0" fontId="5" fillId="0" borderId="17" xfId="0" applyFont="1" applyBorder="1" applyAlignment="1">
      <alignment horizontal="left" vertical="center" shrinkToFit="1"/>
    </xf>
    <xf numFmtId="0" fontId="5" fillId="0" borderId="18" xfId="0" applyFont="1" applyBorder="1" applyAlignment="1">
      <alignment horizontal="left" vertical="center" shrinkToFit="1"/>
    </xf>
    <xf numFmtId="0" fontId="5" fillId="0" borderId="0" xfId="0" applyFont="1" applyBorder="1" applyAlignment="1">
      <alignment horizontal="left" vertical="center" shrinkToFit="1"/>
    </xf>
    <xf numFmtId="0" fontId="5" fillId="0" borderId="9" xfId="0" applyFont="1" applyBorder="1" applyAlignment="1">
      <alignment horizontal="left" vertical="center" shrinkToFit="1"/>
    </xf>
    <xf numFmtId="0" fontId="5" fillId="0" borderId="19" xfId="0" applyFont="1" applyBorder="1" applyAlignment="1">
      <alignment horizontal="left" vertical="center" shrinkToFit="1"/>
    </xf>
    <xf numFmtId="0" fontId="5" fillId="0" borderId="10" xfId="0" applyFont="1" applyBorder="1" applyAlignment="1">
      <alignment horizontal="left" vertical="center" shrinkToFit="1"/>
    </xf>
    <xf numFmtId="0" fontId="5" fillId="0" borderId="11" xfId="0" applyFont="1" applyBorder="1" applyAlignment="1">
      <alignment horizontal="left" vertical="center" shrinkToFit="1"/>
    </xf>
    <xf numFmtId="0" fontId="23" fillId="0" borderId="19" xfId="0" applyFont="1" applyBorder="1" applyAlignment="1" applyProtection="1">
      <alignment horizontal="center" vertical="top" shrinkToFit="1"/>
      <protection locked="0"/>
    </xf>
    <xf numFmtId="0" fontId="23" fillId="0" borderId="11" xfId="0" applyFont="1" applyBorder="1" applyAlignment="1" applyProtection="1">
      <alignment horizontal="center" vertical="top" shrinkToFit="1"/>
      <protection locked="0"/>
    </xf>
    <xf numFmtId="0" fontId="24" fillId="2" borderId="15" xfId="0" applyFont="1" applyFill="1" applyBorder="1" applyAlignment="1">
      <alignment horizontal="center" vertical="top" shrinkToFit="1"/>
    </xf>
    <xf numFmtId="0" fontId="24" fillId="2" borderId="17" xfId="0" applyFont="1" applyFill="1" applyBorder="1" applyAlignment="1">
      <alignment horizontal="center" vertical="top" shrinkToFit="1"/>
    </xf>
    <xf numFmtId="0" fontId="24" fillId="2" borderId="18" xfId="0" applyFont="1" applyFill="1" applyBorder="1" applyAlignment="1">
      <alignment horizontal="center" vertical="top" shrinkToFit="1"/>
    </xf>
    <xf numFmtId="0" fontId="24" fillId="2" borderId="9" xfId="0" applyFont="1" applyFill="1" applyBorder="1" applyAlignment="1">
      <alignment horizontal="center" vertical="top" shrinkToFit="1"/>
    </xf>
    <xf numFmtId="0" fontId="23" fillId="0" borderId="18" xfId="0" applyFont="1" applyBorder="1" applyAlignment="1" applyProtection="1">
      <alignment horizontal="center" vertical="top" shrinkToFit="1"/>
      <protection locked="0"/>
    </xf>
    <xf numFmtId="0" fontId="23" fillId="0" borderId="9" xfId="0" applyFont="1" applyBorder="1" applyAlignment="1" applyProtection="1">
      <alignment horizontal="center" vertical="top" shrinkToFit="1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image" Target="../media/image1.jpeg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7</xdr:col>
      <xdr:colOff>219997</xdr:colOff>
      <xdr:row>40</xdr:row>
      <xdr:rowOff>472440</xdr:rowOff>
    </xdr:from>
    <xdr:ext cx="912362" cy="796508"/>
    <xdr:pic>
      <xdr:nvPicPr>
        <xdr:cNvPr id="2" name="Picture 291" descr="社名マイナビ基本型（タテ）Ver">
          <a:extLst>
            <a:ext uri="{FF2B5EF4-FFF2-40B4-BE49-F238E27FC236}">
              <a16:creationId xmlns:a16="http://schemas.microsoft.com/office/drawing/2014/main" id="{4DDC77AA-D97D-4355-9DE9-78E5B0AB9C57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6221997" y="22227540"/>
          <a:ext cx="912362" cy="79650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oneCellAnchor>
  <xdr:twoCellAnchor editAs="oneCell">
    <xdr:from>
      <xdr:col>2</xdr:col>
      <xdr:colOff>453390</xdr:colOff>
      <xdr:row>2</xdr:row>
      <xdr:rowOff>171449</xdr:rowOff>
    </xdr:from>
    <xdr:to>
      <xdr:col>2</xdr:col>
      <xdr:colOff>3657601</xdr:colOff>
      <xdr:row>10</xdr:row>
      <xdr:rowOff>283816</xdr:rowOff>
    </xdr:to>
    <xdr:pic>
      <xdr:nvPicPr>
        <xdr:cNvPr id="3" name="図 2">
          <a:extLst>
            <a:ext uri="{FF2B5EF4-FFF2-40B4-BE49-F238E27FC236}">
              <a16:creationId xmlns:a16="http://schemas.microsoft.com/office/drawing/2014/main" id="{73F0DB44-066D-41D6-8CCA-9C54849A0BF1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910715" y="2362199"/>
          <a:ext cx="3204211" cy="5198717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1E74A1-D773-459B-8AE0-34433DC2B616}">
  <sheetPr codeName="Sheet1">
    <pageSetUpPr fitToPage="1"/>
  </sheetPr>
  <dimension ref="B1:U43"/>
  <sheetViews>
    <sheetView showGridLines="0" tabSelected="1" zoomScaleNormal="100" workbookViewId="0">
      <selection activeCell="B41" sqref="B41:C43"/>
    </sheetView>
  </sheetViews>
  <sheetFormatPr defaultRowHeight="18" x14ac:dyDescent="0.45"/>
  <cols>
    <col min="1" max="1" width="8.796875" customWidth="1"/>
    <col min="2" max="2" width="10.3984375" customWidth="1"/>
    <col min="3" max="3" width="53.5" bestFit="1" customWidth="1"/>
    <col min="4" max="4" width="34.09765625" customWidth="1"/>
    <col min="5" max="5" width="22.09765625" style="37" bestFit="1" customWidth="1"/>
    <col min="6" max="6" width="46.5" customWidth="1"/>
    <col min="7" max="7" width="34.09765625" bestFit="1" customWidth="1"/>
    <col min="8" max="8" width="13.59765625" customWidth="1"/>
    <col min="9" max="9" width="5.19921875" customWidth="1"/>
    <col min="10" max="10" width="7.796875" customWidth="1"/>
  </cols>
  <sheetData>
    <row r="1" spans="2:12" s="1" customFormat="1" ht="126" customHeight="1" thickBot="1" x14ac:dyDescent="0.5">
      <c r="B1" s="73" t="s">
        <v>77</v>
      </c>
      <c r="C1" s="74"/>
      <c r="D1" s="74"/>
      <c r="E1" s="74"/>
      <c r="F1" s="74"/>
      <c r="G1" s="74"/>
      <c r="H1" s="74"/>
      <c r="I1" s="75"/>
    </row>
    <row r="2" spans="2:12" s="1" customFormat="1" ht="46.2" thickBot="1" x14ac:dyDescent="0.5">
      <c r="B2" s="38"/>
      <c r="C2" s="38"/>
      <c r="D2" s="38"/>
      <c r="E2" s="38"/>
      <c r="F2" s="38"/>
      <c r="G2" s="38"/>
      <c r="H2" s="38"/>
      <c r="I2" s="38"/>
    </row>
    <row r="3" spans="2:12" ht="75" customHeight="1" x14ac:dyDescent="0.45">
      <c r="B3" s="76" t="s">
        <v>53</v>
      </c>
      <c r="C3" s="11"/>
      <c r="D3" s="79" t="s">
        <v>68</v>
      </c>
      <c r="E3" s="80"/>
      <c r="F3" s="80"/>
      <c r="G3" s="80"/>
      <c r="H3" s="80"/>
      <c r="I3" s="81"/>
    </row>
    <row r="4" spans="2:12" ht="39" customHeight="1" x14ac:dyDescent="0.45">
      <c r="B4" s="77"/>
      <c r="C4" s="10"/>
      <c r="D4" s="82" t="s">
        <v>69</v>
      </c>
      <c r="E4" s="83"/>
      <c r="F4" s="61" t="s">
        <v>76</v>
      </c>
      <c r="G4" s="62"/>
      <c r="H4" s="62"/>
      <c r="I4" s="63"/>
    </row>
    <row r="5" spans="2:12" ht="36.6" x14ac:dyDescent="0.45">
      <c r="B5" s="77"/>
      <c r="C5" s="5"/>
      <c r="D5" s="82" t="s">
        <v>4</v>
      </c>
      <c r="E5" s="83"/>
      <c r="F5" s="64"/>
      <c r="G5" s="65"/>
      <c r="H5" s="65"/>
      <c r="I5" s="66"/>
    </row>
    <row r="6" spans="2:12" ht="36.6" customHeight="1" x14ac:dyDescent="0.45">
      <c r="B6" s="77"/>
      <c r="C6" s="5"/>
      <c r="D6" s="82" t="s">
        <v>5</v>
      </c>
      <c r="E6" s="83"/>
      <c r="F6" s="64"/>
      <c r="G6" s="65"/>
      <c r="H6" s="65"/>
      <c r="I6" s="66"/>
      <c r="L6" s="6"/>
    </row>
    <row r="7" spans="2:12" ht="36.6" customHeight="1" x14ac:dyDescent="0.45">
      <c r="B7" s="77"/>
      <c r="C7" s="5"/>
      <c r="D7" s="82" t="s">
        <v>70</v>
      </c>
      <c r="E7" s="83"/>
      <c r="F7" s="64"/>
      <c r="G7" s="65"/>
      <c r="H7" s="65"/>
      <c r="I7" s="66"/>
    </row>
    <row r="8" spans="2:12" ht="37.200000000000003" customHeight="1" thickBot="1" x14ac:dyDescent="0.5">
      <c r="B8" s="77"/>
      <c r="C8" s="5"/>
      <c r="D8" s="84" t="s">
        <v>71</v>
      </c>
      <c r="E8" s="85"/>
      <c r="F8" s="64"/>
      <c r="G8" s="65"/>
      <c r="H8" s="65"/>
      <c r="I8" s="66"/>
    </row>
    <row r="9" spans="2:12" ht="37.200000000000003" thickBot="1" x14ac:dyDescent="0.5">
      <c r="B9" s="77"/>
      <c r="C9" s="5"/>
      <c r="D9" s="86" t="s">
        <v>11</v>
      </c>
      <c r="E9" s="87"/>
      <c r="F9" s="64"/>
      <c r="G9" s="65"/>
      <c r="H9" s="65"/>
      <c r="I9" s="66"/>
    </row>
    <row r="10" spans="2:12" ht="101.4" customHeight="1" thickBot="1" x14ac:dyDescent="2.8">
      <c r="B10" s="77"/>
      <c r="C10" s="5"/>
      <c r="D10" s="46"/>
      <c r="E10" s="44" t="s">
        <v>6</v>
      </c>
      <c r="F10" s="64"/>
      <c r="G10" s="65"/>
      <c r="H10" s="65"/>
      <c r="I10" s="66"/>
    </row>
    <row r="11" spans="2:12" ht="37.200000000000003" thickBot="1" x14ac:dyDescent="0.5">
      <c r="B11" s="78"/>
      <c r="C11" s="7"/>
      <c r="D11" s="59" t="s">
        <v>87</v>
      </c>
      <c r="E11" s="60"/>
      <c r="F11" s="47"/>
      <c r="G11" s="67" t="s">
        <v>86</v>
      </c>
      <c r="H11" s="67"/>
      <c r="I11" s="68"/>
    </row>
    <row r="12" spans="2:12" ht="37.200000000000003" thickBot="1" x14ac:dyDescent="0.5">
      <c r="B12" s="40"/>
      <c r="C12" s="16"/>
      <c r="D12" s="17"/>
      <c r="E12" s="34"/>
      <c r="F12" s="18"/>
      <c r="G12" s="19"/>
      <c r="H12" s="19"/>
      <c r="I12" s="19"/>
    </row>
    <row r="13" spans="2:12" s="25" customFormat="1" ht="36.6" x14ac:dyDescent="0.45">
      <c r="B13" s="88" t="s">
        <v>3</v>
      </c>
      <c r="C13" s="91" t="s">
        <v>1</v>
      </c>
      <c r="D13" s="92"/>
      <c r="E13" s="24" t="s">
        <v>2</v>
      </c>
      <c r="F13" s="24" t="s">
        <v>0</v>
      </c>
      <c r="G13" s="24" t="s">
        <v>10</v>
      </c>
      <c r="H13" s="93" t="s">
        <v>11</v>
      </c>
      <c r="I13" s="94"/>
    </row>
    <row r="14" spans="2:12" s="25" customFormat="1" ht="36.6" x14ac:dyDescent="0.45">
      <c r="B14" s="89"/>
      <c r="C14" s="26" t="s">
        <v>9</v>
      </c>
      <c r="D14" s="27" t="s">
        <v>73</v>
      </c>
      <c r="E14" s="29" t="s">
        <v>75</v>
      </c>
      <c r="F14" s="28" t="s">
        <v>74</v>
      </c>
      <c r="G14" s="29">
        <v>44620</v>
      </c>
      <c r="H14" s="48"/>
      <c r="I14" s="42" t="s">
        <v>6</v>
      </c>
    </row>
    <row r="15" spans="2:12" s="25" customFormat="1" ht="36.6" x14ac:dyDescent="0.45">
      <c r="B15" s="89"/>
      <c r="C15" s="26" t="s">
        <v>9</v>
      </c>
      <c r="D15" s="27" t="s">
        <v>54</v>
      </c>
      <c r="E15" s="29" t="s">
        <v>62</v>
      </c>
      <c r="F15" s="28" t="s">
        <v>61</v>
      </c>
      <c r="G15" s="29">
        <v>44588</v>
      </c>
      <c r="H15" s="48"/>
      <c r="I15" s="42" t="s">
        <v>6</v>
      </c>
    </row>
    <row r="16" spans="2:12" s="25" customFormat="1" ht="36.6" x14ac:dyDescent="0.45">
      <c r="B16" s="89"/>
      <c r="C16" s="26" t="s">
        <v>72</v>
      </c>
      <c r="D16" s="27" t="s">
        <v>52</v>
      </c>
      <c r="E16" s="28" t="s">
        <v>64</v>
      </c>
      <c r="F16" s="28" t="s">
        <v>63</v>
      </c>
      <c r="G16" s="29">
        <v>44526</v>
      </c>
      <c r="H16" s="48"/>
      <c r="I16" s="42" t="s">
        <v>6</v>
      </c>
    </row>
    <row r="17" spans="2:9" s="25" customFormat="1" ht="36.6" x14ac:dyDescent="0.45">
      <c r="B17" s="89"/>
      <c r="C17" s="26" t="s">
        <v>9</v>
      </c>
      <c r="D17" s="27" t="s">
        <v>50</v>
      </c>
      <c r="E17" s="28" t="s">
        <v>33</v>
      </c>
      <c r="F17" s="28" t="s">
        <v>51</v>
      </c>
      <c r="G17" s="29">
        <v>44466</v>
      </c>
      <c r="H17" s="48"/>
      <c r="I17" s="42" t="s">
        <v>6</v>
      </c>
    </row>
    <row r="18" spans="2:9" s="25" customFormat="1" ht="36.6" x14ac:dyDescent="0.45">
      <c r="B18" s="89"/>
      <c r="C18" s="26" t="s">
        <v>7</v>
      </c>
      <c r="D18" s="27" t="s">
        <v>12</v>
      </c>
      <c r="E18" s="28" t="s">
        <v>26</v>
      </c>
      <c r="F18" s="28" t="s">
        <v>40</v>
      </c>
      <c r="G18" s="29">
        <v>44435</v>
      </c>
      <c r="H18" s="48"/>
      <c r="I18" s="42" t="s">
        <v>6</v>
      </c>
    </row>
    <row r="19" spans="2:9" s="25" customFormat="1" ht="36.6" x14ac:dyDescent="0.45">
      <c r="B19" s="89"/>
      <c r="C19" s="26" t="s">
        <v>9</v>
      </c>
      <c r="D19" s="27" t="s">
        <v>8</v>
      </c>
      <c r="E19" s="28" t="s">
        <v>29</v>
      </c>
      <c r="F19" s="28" t="s">
        <v>41</v>
      </c>
      <c r="G19" s="29">
        <v>44406</v>
      </c>
      <c r="H19" s="48"/>
      <c r="I19" s="42" t="s">
        <v>6</v>
      </c>
    </row>
    <row r="20" spans="2:9" s="25" customFormat="1" ht="36.6" x14ac:dyDescent="0.45">
      <c r="B20" s="89"/>
      <c r="C20" s="26" t="s">
        <v>7</v>
      </c>
      <c r="D20" s="27" t="s">
        <v>13</v>
      </c>
      <c r="E20" s="28" t="s">
        <v>32</v>
      </c>
      <c r="F20" s="28" t="s">
        <v>37</v>
      </c>
      <c r="G20" s="29">
        <v>44253</v>
      </c>
      <c r="H20" s="48"/>
      <c r="I20" s="42" t="s">
        <v>6</v>
      </c>
    </row>
    <row r="21" spans="2:9" s="25" customFormat="1" ht="36.6" x14ac:dyDescent="0.45">
      <c r="B21" s="89"/>
      <c r="C21" s="26" t="s">
        <v>9</v>
      </c>
      <c r="D21" s="27" t="s">
        <v>14</v>
      </c>
      <c r="E21" s="28" t="s">
        <v>31</v>
      </c>
      <c r="F21" s="28" t="s">
        <v>36</v>
      </c>
      <c r="G21" s="29">
        <v>44189</v>
      </c>
      <c r="H21" s="48"/>
      <c r="I21" s="42" t="s">
        <v>6</v>
      </c>
    </row>
    <row r="22" spans="2:9" s="25" customFormat="1" ht="36.6" x14ac:dyDescent="0.45">
      <c r="B22" s="89"/>
      <c r="C22" s="26" t="s">
        <v>7</v>
      </c>
      <c r="D22" s="27" t="s">
        <v>15</v>
      </c>
      <c r="E22" s="28" t="s">
        <v>27</v>
      </c>
      <c r="F22" s="28" t="s">
        <v>42</v>
      </c>
      <c r="G22" s="29">
        <v>44006</v>
      </c>
      <c r="H22" s="48"/>
      <c r="I22" s="42" t="s">
        <v>6</v>
      </c>
    </row>
    <row r="23" spans="2:9" s="25" customFormat="1" ht="36.6" x14ac:dyDescent="0.45">
      <c r="B23" s="89"/>
      <c r="C23" s="26" t="s">
        <v>9</v>
      </c>
      <c r="D23" s="27" t="s">
        <v>16</v>
      </c>
      <c r="E23" s="28" t="s">
        <v>26</v>
      </c>
      <c r="F23" s="28" t="s">
        <v>43</v>
      </c>
      <c r="G23" s="29">
        <v>43945</v>
      </c>
      <c r="H23" s="48"/>
      <c r="I23" s="42" t="s">
        <v>6</v>
      </c>
    </row>
    <row r="24" spans="2:9" s="25" customFormat="1" ht="36.6" x14ac:dyDescent="0.45">
      <c r="B24" s="89"/>
      <c r="C24" s="26" t="s">
        <v>7</v>
      </c>
      <c r="D24" s="27" t="s">
        <v>17</v>
      </c>
      <c r="E24" s="28" t="s">
        <v>32</v>
      </c>
      <c r="F24" s="28" t="s">
        <v>35</v>
      </c>
      <c r="G24" s="29">
        <v>43887</v>
      </c>
      <c r="H24" s="48"/>
      <c r="I24" s="42" t="s">
        <v>6</v>
      </c>
    </row>
    <row r="25" spans="2:9" s="25" customFormat="1" ht="36.6" x14ac:dyDescent="0.45">
      <c r="B25" s="89"/>
      <c r="C25" s="26" t="s">
        <v>7</v>
      </c>
      <c r="D25" s="27" t="s">
        <v>18</v>
      </c>
      <c r="E25" s="28" t="s">
        <v>30</v>
      </c>
      <c r="F25" s="28" t="s">
        <v>38</v>
      </c>
      <c r="G25" s="29">
        <v>43697</v>
      </c>
      <c r="H25" s="48"/>
      <c r="I25" s="42" t="s">
        <v>6</v>
      </c>
    </row>
    <row r="26" spans="2:9" s="25" customFormat="1" ht="36.6" x14ac:dyDescent="0.45">
      <c r="B26" s="89"/>
      <c r="C26" s="26" t="s">
        <v>9</v>
      </c>
      <c r="D26" s="27" t="s">
        <v>20</v>
      </c>
      <c r="E26" s="28" t="s">
        <v>33</v>
      </c>
      <c r="F26" s="28" t="s">
        <v>44</v>
      </c>
      <c r="G26" s="29">
        <v>43641</v>
      </c>
      <c r="H26" s="48"/>
      <c r="I26" s="42" t="s">
        <v>6</v>
      </c>
    </row>
    <row r="27" spans="2:9" s="25" customFormat="1" ht="36.6" x14ac:dyDescent="0.45">
      <c r="B27" s="89"/>
      <c r="C27" s="26" t="s">
        <v>60</v>
      </c>
      <c r="D27" s="27" t="s">
        <v>19</v>
      </c>
      <c r="E27" s="28" t="s">
        <v>31</v>
      </c>
      <c r="F27" s="28" t="s">
        <v>49</v>
      </c>
      <c r="G27" s="29">
        <v>43579</v>
      </c>
      <c r="H27" s="48"/>
      <c r="I27" s="42" t="s">
        <v>6</v>
      </c>
    </row>
    <row r="28" spans="2:9" s="25" customFormat="1" ht="36.6" x14ac:dyDescent="0.45">
      <c r="B28" s="89"/>
      <c r="C28" s="26" t="s">
        <v>21</v>
      </c>
      <c r="D28" s="27" t="s">
        <v>22</v>
      </c>
      <c r="E28" s="28" t="s">
        <v>28</v>
      </c>
      <c r="F28" s="28" t="s">
        <v>45</v>
      </c>
      <c r="G28" s="29">
        <v>44342</v>
      </c>
      <c r="H28" s="48"/>
      <c r="I28" s="42" t="s">
        <v>6</v>
      </c>
    </row>
    <row r="29" spans="2:9" s="25" customFormat="1" ht="36.6" x14ac:dyDescent="0.45">
      <c r="B29" s="89"/>
      <c r="C29" s="26" t="s">
        <v>59</v>
      </c>
      <c r="D29" s="27" t="s">
        <v>23</v>
      </c>
      <c r="E29" s="28" t="s">
        <v>25</v>
      </c>
      <c r="F29" s="28" t="s">
        <v>46</v>
      </c>
      <c r="G29" s="29">
        <v>44279</v>
      </c>
      <c r="H29" s="48"/>
      <c r="I29" s="42" t="s">
        <v>6</v>
      </c>
    </row>
    <row r="30" spans="2:9" s="25" customFormat="1" ht="37.200000000000003" thickBot="1" x14ac:dyDescent="0.5">
      <c r="B30" s="90"/>
      <c r="C30" s="30" t="s">
        <v>21</v>
      </c>
      <c r="D30" s="31" t="s">
        <v>24</v>
      </c>
      <c r="E30" s="32" t="s">
        <v>34</v>
      </c>
      <c r="F30" s="32" t="s">
        <v>47</v>
      </c>
      <c r="G30" s="33">
        <v>44130</v>
      </c>
      <c r="H30" s="49"/>
      <c r="I30" s="43" t="s">
        <v>6</v>
      </c>
    </row>
    <row r="31" spans="2:9" ht="33" thickBot="1" x14ac:dyDescent="0.5">
      <c r="B31" s="40"/>
      <c r="C31" s="12"/>
      <c r="D31" s="13"/>
      <c r="E31" s="35"/>
      <c r="F31" s="14"/>
      <c r="G31" s="15"/>
      <c r="H31" s="13"/>
      <c r="I31" s="39"/>
    </row>
    <row r="32" spans="2:9" s="25" customFormat="1" ht="36.6" x14ac:dyDescent="0.45">
      <c r="B32" s="95" t="s">
        <v>48</v>
      </c>
      <c r="C32" s="98" t="s">
        <v>67</v>
      </c>
      <c r="D32" s="99"/>
      <c r="E32" s="100"/>
      <c r="F32" s="4" t="s">
        <v>55</v>
      </c>
      <c r="G32" s="50"/>
      <c r="H32" s="101" t="s">
        <v>48</v>
      </c>
      <c r="I32" s="102"/>
    </row>
    <row r="33" spans="2:21" s="25" customFormat="1" ht="36.6" x14ac:dyDescent="0.45">
      <c r="B33" s="96"/>
      <c r="C33" s="103" t="s">
        <v>65</v>
      </c>
      <c r="D33" s="104"/>
      <c r="E33" s="105"/>
      <c r="F33" s="8" t="s">
        <v>56</v>
      </c>
      <c r="G33" s="51"/>
      <c r="H33" s="106" t="s">
        <v>57</v>
      </c>
      <c r="I33" s="107"/>
    </row>
    <row r="34" spans="2:21" s="25" customFormat="1" ht="37.200000000000003" thickBot="1" x14ac:dyDescent="0.5">
      <c r="B34" s="96"/>
      <c r="C34" s="108" t="s">
        <v>66</v>
      </c>
      <c r="D34" s="109"/>
      <c r="E34" s="110"/>
      <c r="F34" s="9" t="s">
        <v>58</v>
      </c>
      <c r="G34" s="52"/>
      <c r="H34" s="111" t="s">
        <v>48</v>
      </c>
      <c r="I34" s="112"/>
    </row>
    <row r="35" spans="2:21" s="25" customFormat="1" ht="36.6" thickTop="1" thickBot="1" x14ac:dyDescent="0.5">
      <c r="B35" s="97"/>
      <c r="C35" s="71" t="s">
        <v>88</v>
      </c>
      <c r="D35" s="71"/>
      <c r="E35" s="72"/>
      <c r="F35" s="53"/>
      <c r="G35" s="69" t="s">
        <v>86</v>
      </c>
      <c r="H35" s="69"/>
      <c r="I35" s="70"/>
    </row>
    <row r="36" spans="2:21" ht="36" thickBot="1" x14ac:dyDescent="0.5">
      <c r="B36" s="41"/>
      <c r="C36" s="21"/>
      <c r="D36" s="21"/>
      <c r="E36" s="36"/>
      <c r="F36" s="20"/>
      <c r="G36" s="22"/>
      <c r="H36" s="23"/>
      <c r="I36" s="21"/>
    </row>
    <row r="37" spans="2:21" ht="41.4" x14ac:dyDescent="0.45">
      <c r="B37" s="124" t="s">
        <v>84</v>
      </c>
      <c r="C37" s="125"/>
      <c r="D37" s="124" t="s">
        <v>79</v>
      </c>
      <c r="E37" s="125"/>
      <c r="F37" s="113" t="s">
        <v>78</v>
      </c>
      <c r="G37" s="114"/>
      <c r="H37" s="114"/>
      <c r="I37" s="115"/>
      <c r="J37" s="2"/>
      <c r="K37" s="3"/>
      <c r="L37" s="3"/>
      <c r="M37" s="3"/>
      <c r="N37" s="3"/>
      <c r="O37" s="3"/>
      <c r="P37" s="3"/>
      <c r="Q37" s="3"/>
      <c r="R37" s="3"/>
      <c r="S37" s="3"/>
      <c r="T37" s="3"/>
      <c r="U37" s="3"/>
    </row>
    <row r="38" spans="2:21" ht="41.4" x14ac:dyDescent="0.45">
      <c r="B38" s="128"/>
      <c r="C38" s="129"/>
      <c r="D38" s="54"/>
      <c r="E38" s="45" t="s">
        <v>80</v>
      </c>
      <c r="F38" s="116"/>
      <c r="G38" s="117"/>
      <c r="H38" s="117"/>
      <c r="I38" s="118"/>
      <c r="J38" s="3"/>
      <c r="K38" s="3"/>
      <c r="L38" s="3"/>
      <c r="M38" s="3"/>
      <c r="N38" s="3"/>
      <c r="O38" s="3"/>
      <c r="P38" s="3"/>
      <c r="Q38" s="3"/>
      <c r="R38" s="3"/>
      <c r="S38" s="3"/>
      <c r="T38" s="3"/>
      <c r="U38" s="3"/>
    </row>
    <row r="39" spans="2:21" ht="41.4" x14ac:dyDescent="0.45">
      <c r="B39" s="126" t="s">
        <v>85</v>
      </c>
      <c r="C39" s="127"/>
      <c r="D39" s="54"/>
      <c r="E39" s="45" t="s">
        <v>81</v>
      </c>
      <c r="F39" s="116"/>
      <c r="G39" s="117"/>
      <c r="H39" s="117"/>
      <c r="I39" s="118"/>
      <c r="J39" s="3"/>
      <c r="K39" s="3"/>
      <c r="L39" s="3"/>
      <c r="M39" s="3"/>
      <c r="N39" s="3"/>
      <c r="O39" s="3"/>
      <c r="P39" s="3"/>
      <c r="Q39" s="3"/>
      <c r="R39" s="3"/>
      <c r="S39" s="3"/>
      <c r="T39" s="3"/>
      <c r="U39" s="3"/>
    </row>
    <row r="40" spans="2:21" ht="41.4" x14ac:dyDescent="0.45">
      <c r="B40" s="128"/>
      <c r="C40" s="129"/>
      <c r="D40" s="126" t="s">
        <v>39</v>
      </c>
      <c r="E40" s="127"/>
      <c r="F40" s="116"/>
      <c r="G40" s="117"/>
      <c r="H40" s="117"/>
      <c r="I40" s="118"/>
      <c r="J40" s="3"/>
      <c r="K40" s="3"/>
      <c r="L40" s="3"/>
      <c r="M40" s="3"/>
      <c r="N40" s="3"/>
      <c r="O40" s="3"/>
      <c r="P40" s="3"/>
      <c r="Q40" s="3"/>
      <c r="R40" s="3"/>
      <c r="S40" s="3"/>
      <c r="T40" s="3"/>
      <c r="U40" s="3"/>
    </row>
    <row r="41" spans="2:21" ht="41.4" x14ac:dyDescent="0.45">
      <c r="B41" s="55"/>
      <c r="C41" s="56"/>
      <c r="D41" s="54"/>
      <c r="E41" s="45" t="s">
        <v>82</v>
      </c>
      <c r="F41" s="116"/>
      <c r="G41" s="117"/>
      <c r="H41" s="117"/>
      <c r="I41" s="118"/>
      <c r="J41" s="3"/>
      <c r="K41" s="3"/>
      <c r="L41" s="3"/>
      <c r="M41" s="3"/>
      <c r="N41" s="3"/>
      <c r="O41" s="3"/>
      <c r="P41" s="3"/>
      <c r="Q41" s="3"/>
      <c r="R41" s="3"/>
      <c r="S41" s="3"/>
      <c r="T41" s="3"/>
      <c r="U41" s="3"/>
    </row>
    <row r="42" spans="2:21" ht="41.4" x14ac:dyDescent="0.45">
      <c r="B42" s="55"/>
      <c r="C42" s="56"/>
      <c r="D42" s="126" t="s">
        <v>83</v>
      </c>
      <c r="E42" s="127"/>
      <c r="F42" s="116"/>
      <c r="G42" s="117"/>
      <c r="H42" s="117"/>
      <c r="I42" s="118"/>
      <c r="J42" s="3"/>
      <c r="K42" s="3"/>
      <c r="L42" s="3"/>
      <c r="M42" s="3"/>
      <c r="N42" s="3"/>
      <c r="O42" s="3"/>
      <c r="P42" s="3"/>
      <c r="Q42" s="3"/>
      <c r="R42" s="3"/>
      <c r="S42" s="3"/>
      <c r="T42" s="3"/>
      <c r="U42" s="3"/>
    </row>
    <row r="43" spans="2:21" ht="42" thickBot="1" x14ac:dyDescent="0.5">
      <c r="B43" s="57"/>
      <c r="C43" s="58"/>
      <c r="D43" s="122"/>
      <c r="E43" s="123"/>
      <c r="F43" s="119"/>
      <c r="G43" s="120"/>
      <c r="H43" s="120"/>
      <c r="I43" s="121"/>
      <c r="J43" s="3"/>
      <c r="K43" s="3"/>
      <c r="L43" s="3"/>
      <c r="M43" s="3"/>
      <c r="N43" s="3"/>
      <c r="O43" s="3"/>
      <c r="P43" s="3"/>
      <c r="Q43" s="3"/>
      <c r="R43" s="3"/>
      <c r="S43" s="3"/>
      <c r="T43" s="3"/>
      <c r="U43" s="3"/>
    </row>
  </sheetData>
  <sheetProtection algorithmName="SHA-512" hashValue="bs950Wt3wDXnHwsqmXj3I8+bs5veF4zZ7KRBIZWZo6Di5St6qkogBp7YNFgO2MXH55xTxCNN+EEckDmviwvETQ==" saltValue="SoG4NRLp+4XpcRv+YlrJBw==" spinCount="100000" sheet="1" objects="1" scenarios="1"/>
  <mergeCells count="34">
    <mergeCell ref="F37:I43"/>
    <mergeCell ref="D43:E43"/>
    <mergeCell ref="D37:E37"/>
    <mergeCell ref="B37:C37"/>
    <mergeCell ref="B39:C39"/>
    <mergeCell ref="B38:C38"/>
    <mergeCell ref="B40:C40"/>
    <mergeCell ref="D40:E40"/>
    <mergeCell ref="D42:E42"/>
    <mergeCell ref="B1:I1"/>
    <mergeCell ref="B3:B11"/>
    <mergeCell ref="D3:I3"/>
    <mergeCell ref="D4:E4"/>
    <mergeCell ref="D5:E5"/>
    <mergeCell ref="D6:E6"/>
    <mergeCell ref="D7:E7"/>
    <mergeCell ref="D8:E8"/>
    <mergeCell ref="D9:E9"/>
    <mergeCell ref="B41:C43"/>
    <mergeCell ref="D11:E11"/>
    <mergeCell ref="F4:I10"/>
    <mergeCell ref="G11:I11"/>
    <mergeCell ref="G35:I35"/>
    <mergeCell ref="C35:E35"/>
    <mergeCell ref="B13:B30"/>
    <mergeCell ref="C13:D13"/>
    <mergeCell ref="H13:I13"/>
    <mergeCell ref="B32:B35"/>
    <mergeCell ref="C32:E32"/>
    <mergeCell ref="H32:I32"/>
    <mergeCell ref="C33:E33"/>
    <mergeCell ref="H33:I33"/>
    <mergeCell ref="C34:E34"/>
    <mergeCell ref="H34:I34"/>
  </mergeCells>
  <phoneticPr fontId="3"/>
  <pageMargins left="0.55118110236220474" right="0.23622047244094491" top="0.74803149606299213" bottom="0.74803149606299213" header="0.31496062992125984" footer="0.31496062992125984"/>
  <pageSetup paperSize="9" scale="3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【新書】人生を豊かにしたい人のための世界遺産</vt:lpstr>
      <vt:lpstr>【新書】人生を豊かにしたい人のための世界遺産!Print_Area</vt:lpstr>
    </vt:vector>
  </TitlesOfParts>
  <Company>Mynavi Corporation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岡田 健</dc:creator>
  <cp:lastModifiedBy>岡田 健</cp:lastModifiedBy>
  <cp:lastPrinted>2022-04-08T11:16:30Z</cp:lastPrinted>
  <dcterms:created xsi:type="dcterms:W3CDTF">2021-12-02T08:54:09Z</dcterms:created>
  <dcterms:modified xsi:type="dcterms:W3CDTF">2022-04-08T11:46:58Z</dcterms:modified>
</cp:coreProperties>
</file>